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png" ContentType="image/png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C:\Users\s5490\OneDrive\桌面\"/>
    </mc:Choice>
  </mc:AlternateContent>
  <bookViews>
    <workbookView xWindow="0" yWindow="0" windowWidth="13630" windowHeight="5610"/>
  </bookViews>
  <sheets>
    <sheet name="給本廠" sheetId="1" r:id="rId1"/>
  </sheets>
  <definedNames>
    <definedName name="_xlnm.Print_Area" localSheetId="0">給本廠!$A$1:$H$15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A8" i="1" l="1"/>
  <c r="A10" i="1" s="1"/>
  <c r="A12" i="1" s="1"/>
  <c r="A14" i="1" s="1"/>
</calcChain>
</file>

<file path=xl/sharedStrings.xml><?xml version="1.0" encoding="utf-8"?>
<sst xmlns="http://schemas.openxmlformats.org/spreadsheetml/2006/main" count="71" uniqueCount="71">
  <si>
    <t>統鮮美食股份有限公司 111年 9月份菜單 福星國民小學</t>
    <phoneticPr fontId="4" type="noConversion"/>
  </si>
  <si>
    <t>地址：新北市三重區中興北街136巷18弄18號</t>
    <phoneticPr fontId="4" type="noConversion"/>
  </si>
  <si>
    <t>服務電話：</t>
    <phoneticPr fontId="4" type="noConversion"/>
  </si>
  <si>
    <t>02-2388-3150</t>
    <phoneticPr fontId="4" type="noConversion"/>
  </si>
  <si>
    <t>統鮮美食營養師:張靜雯</t>
    <phoneticPr fontId="4" type="noConversion"/>
  </si>
  <si>
    <t>福星電話:</t>
    <phoneticPr fontId="4" type="noConversion"/>
  </si>
  <si>
    <t>02-2314-4668#126</t>
    <phoneticPr fontId="4" type="noConversion"/>
  </si>
  <si>
    <t>福星國小營養師:黃盈菱</t>
    <phoneticPr fontId="4" type="noConversion"/>
  </si>
  <si>
    <t>日期</t>
    <phoneticPr fontId="4" type="noConversion"/>
  </si>
  <si>
    <t>星期</t>
    <phoneticPr fontId="4" type="noConversion"/>
  </si>
  <si>
    <t>主食</t>
    <phoneticPr fontId="4" type="noConversion"/>
  </si>
  <si>
    <t>主菜</t>
    <phoneticPr fontId="4" type="noConversion"/>
  </si>
  <si>
    <t>副菜</t>
    <phoneticPr fontId="4" type="noConversion"/>
  </si>
  <si>
    <t>青菜</t>
    <phoneticPr fontId="4" type="noConversion"/>
  </si>
  <si>
    <t>湯品</t>
    <phoneticPr fontId="4" type="noConversion"/>
  </si>
  <si>
    <r>
      <t xml:space="preserve">水果或校園食品
</t>
    </r>
    <r>
      <rPr>
        <b/>
        <sz val="18"/>
        <rFont val="新細明體"/>
        <family val="1"/>
        <charset val="136"/>
      </rPr>
      <t>(水果鮮奶自理)</t>
    </r>
    <phoneticPr fontId="4" type="noConversion"/>
  </si>
  <si>
    <t>一</t>
  </si>
  <si>
    <t>小米飯</t>
  </si>
  <si>
    <t>綠豆西米露</t>
  </si>
  <si>
    <t>水果</t>
    <phoneticPr fontId="4" type="noConversion"/>
  </si>
  <si>
    <t>二</t>
  </si>
  <si>
    <t>沙茶豬肉炒飯</t>
  </si>
  <si>
    <t>脆皮魚排X1</t>
    <phoneticPr fontId="3" type="noConversion"/>
  </si>
  <si>
    <t>玉米肉茸</t>
    <phoneticPr fontId="3" type="noConversion"/>
  </si>
  <si>
    <t>北農有機荷葉白菜</t>
    <phoneticPr fontId="4" type="noConversion"/>
  </si>
  <si>
    <t>蘿蔔排骨湯</t>
  </si>
  <si>
    <t>水果/鮮奶(福星)</t>
    <phoneticPr fontId="4" type="noConversion"/>
  </si>
  <si>
    <t>白米+豬肉+時蔬</t>
  </si>
  <si>
    <t>白蘿蔔+芹菜+豬大骨</t>
  </si>
  <si>
    <t>三</t>
  </si>
  <si>
    <t>糙米飯</t>
  </si>
  <si>
    <t>高昇滷肉</t>
    <phoneticPr fontId="3" type="noConversion"/>
  </si>
  <si>
    <t>芹菜天婦羅條</t>
    <phoneticPr fontId="3" type="noConversion"/>
  </si>
  <si>
    <t>時蔬</t>
    <phoneticPr fontId="4" type="noConversion"/>
  </si>
  <si>
    <t>金菇蛋花湯</t>
  </si>
  <si>
    <t>水果</t>
    <phoneticPr fontId="4" type="noConversion"/>
  </si>
  <si>
    <t>白米+糙米</t>
  </si>
  <si>
    <t>四</t>
  </si>
  <si>
    <t>地瓜飯</t>
  </si>
  <si>
    <t>熱帶果香雞</t>
    <phoneticPr fontId="3" type="noConversion"/>
  </si>
  <si>
    <t>北農有機空心菜</t>
    <phoneticPr fontId="4" type="noConversion"/>
  </si>
  <si>
    <t>海帶鮑菇湯</t>
  </si>
  <si>
    <t>白米+地瓜</t>
  </si>
  <si>
    <t>五</t>
  </si>
  <si>
    <t>薑汁燒肉</t>
  </si>
  <si>
    <t>酸辣清湯</t>
  </si>
  <si>
    <t>水果/鮮奶(四校)</t>
    <phoneticPr fontId="3" type="noConversion"/>
  </si>
  <si>
    <t>豆腐+大白菜+木耳+紅蘿蔔</t>
  </si>
  <si>
    <t>魚排X1-炸</t>
    <phoneticPr fontId="3" type="noConversion"/>
  </si>
  <si>
    <t>豬肉塊+馬鈴薯+紅蘿蔔-煮</t>
    <phoneticPr fontId="3" type="noConversion"/>
  </si>
  <si>
    <t>雞肉+洋蔥+鳳梨-燒</t>
    <phoneticPr fontId="3" type="noConversion"/>
  </si>
  <si>
    <t>豬肉片+洋蔥+金針菇-煮</t>
    <phoneticPr fontId="3" type="noConversion"/>
  </si>
  <si>
    <r>
      <t>玉米粒+</t>
    </r>
    <r>
      <rPr>
        <sz val="11"/>
        <rFont val="新細明體"/>
        <family val="1"/>
        <charset val="136"/>
      </rPr>
      <t>豬絞肉+毛豆+蒜-煮</t>
    </r>
    <phoneticPr fontId="3" type="noConversion"/>
  </si>
  <si>
    <r>
      <t>金針菇+</t>
    </r>
    <r>
      <rPr>
        <sz val="11"/>
        <rFont val="新細明體"/>
        <family val="1"/>
        <charset val="136"/>
      </rPr>
      <t>雞蛋+洋蔥</t>
    </r>
    <phoneticPr fontId="3" type="noConversion"/>
  </si>
  <si>
    <r>
      <t>海帶片+紅蘿蔔+杏鮑菇+</t>
    </r>
    <r>
      <rPr>
        <sz val="11"/>
        <rFont val="新細明體"/>
        <family val="1"/>
        <charset val="136"/>
      </rPr>
      <t>豬大骨</t>
    </r>
    <phoneticPr fontId="3" type="noConversion"/>
  </si>
  <si>
    <t>庄西有機白莧菜</t>
    <phoneticPr fontId="4" type="noConversion"/>
  </si>
  <si>
    <t>白花椰+蒜頭+紅蘿蔔-炒</t>
    <phoneticPr fontId="3" type="noConversion"/>
  </si>
  <si>
    <t>甜不辣+芹菜+紅蘿蔔-炒</t>
    <phoneticPr fontId="3" type="noConversion"/>
  </si>
  <si>
    <t>五穀飯</t>
  </si>
  <si>
    <t>白米+五穀米</t>
  </si>
  <si>
    <t>紅仁花椰</t>
    <phoneticPr fontId="3" type="noConversion"/>
  </si>
  <si>
    <t>蒲瓜+雞肉+蝦米-煮</t>
  </si>
  <si>
    <t>雞肉蒲瓜</t>
    <phoneticPr fontId="3" type="noConversion"/>
  </si>
  <si>
    <t>回鍋干片</t>
    <phoneticPr fontId="3" type="noConversion"/>
  </si>
  <si>
    <t>洋蔥炒蛋</t>
    <phoneticPr fontId="3" type="noConversion"/>
  </si>
  <si>
    <t>北農有機小白菜</t>
    <phoneticPr fontId="4" type="noConversion"/>
  </si>
  <si>
    <t>水果</t>
    <phoneticPr fontId="4" type="noConversion"/>
  </si>
  <si>
    <t>白米+小米</t>
    <phoneticPr fontId="3" type="noConversion"/>
  </si>
  <si>
    <t>豆干+高麗菜+紅蘿蔔-煮</t>
    <phoneticPr fontId="3" type="noConversion"/>
  </si>
  <si>
    <t>雞蛋+洋蔥+紅蘿蔔-炒</t>
    <phoneticPr fontId="3" type="noConversion"/>
  </si>
  <si>
    <t>綠豆+西谷米-煮</t>
    <phoneticPr fontId="3" type="noConversion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2">
    <numFmt numFmtId="43" formatCode="_-* #,##0.00_-;\-* #,##0.00_-;_-* &quot;-&quot;??_-;_-@_-"/>
    <numFmt numFmtId="176" formatCode="m&quot;月&quot;d&quot;日&quot;;@"/>
  </numFmts>
  <fonts count="16" x14ac:knownFonts="1">
    <font>
      <sz val="12"/>
      <color theme="1"/>
      <name val="新細明體"/>
      <family val="2"/>
      <charset val="136"/>
      <scheme val="minor"/>
    </font>
    <font>
      <sz val="12"/>
      <color theme="1"/>
      <name val="新細明體"/>
      <family val="2"/>
      <charset val="136"/>
      <scheme val="minor"/>
    </font>
    <font>
      <sz val="20"/>
      <name val="新細明體"/>
      <family val="1"/>
      <charset val="136"/>
      <scheme val="minor"/>
    </font>
    <font>
      <sz val="9"/>
      <name val="新細明體"/>
      <family val="2"/>
      <charset val="136"/>
      <scheme val="minor"/>
    </font>
    <font>
      <sz val="9"/>
      <name val="新細明體"/>
      <family val="1"/>
      <charset val="136"/>
    </font>
    <font>
      <sz val="12"/>
      <name val="新細明體"/>
      <family val="1"/>
      <charset val="136"/>
      <scheme val="minor"/>
    </font>
    <font>
      <sz val="10"/>
      <name val="新細明體"/>
      <family val="1"/>
      <charset val="136"/>
    </font>
    <font>
      <sz val="14"/>
      <name val="新細明體"/>
      <family val="1"/>
      <charset val="136"/>
    </font>
    <font>
      <b/>
      <sz val="10"/>
      <name val="新細明體"/>
      <family val="1"/>
      <charset val="136"/>
    </font>
    <font>
      <b/>
      <sz val="18"/>
      <name val="新細明體"/>
      <family val="1"/>
      <charset val="136"/>
    </font>
    <font>
      <sz val="14"/>
      <name val="新細明體"/>
      <family val="1"/>
      <charset val="136"/>
      <scheme val="minor"/>
    </font>
    <font>
      <sz val="12"/>
      <name val="新細明體"/>
      <family val="1"/>
      <charset val="136"/>
    </font>
    <font>
      <sz val="16"/>
      <name val="新細明體"/>
      <family val="1"/>
      <charset val="136"/>
    </font>
    <font>
      <sz val="22"/>
      <name val="新細明體"/>
      <family val="1"/>
      <charset val="136"/>
    </font>
    <font>
      <sz val="11"/>
      <name val="新細明體"/>
      <family val="1"/>
      <charset val="136"/>
    </font>
    <font>
      <b/>
      <sz val="16"/>
      <color rgb="FFFF0000"/>
      <name val="新細明體"/>
      <family val="1"/>
      <charset val="136"/>
    </font>
  </fonts>
  <fills count="4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0" tint="-0.14999847407452621"/>
        <bgColor indexed="64"/>
      </patternFill>
    </fill>
  </fills>
  <borders count="16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auto="1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 style="medium">
        <color indexed="64"/>
      </left>
      <right style="medium">
        <color indexed="64"/>
      </right>
      <top/>
      <bottom style="medium">
        <color indexed="64"/>
      </bottom>
      <diagonal/>
    </border>
  </borders>
  <cellStyleXfs count="3">
    <xf numFmtId="0" fontId="0" fillId="0" borderId="0">
      <alignment vertical="center"/>
    </xf>
    <xf numFmtId="43" fontId="1" fillId="0" borderId="0" applyFont="0" applyFill="0" applyBorder="0" applyAlignment="0" applyProtection="0">
      <alignment vertical="center"/>
    </xf>
    <xf numFmtId="0" fontId="11" fillId="0" borderId="0">
      <alignment vertical="center"/>
    </xf>
  </cellStyleXfs>
  <cellXfs count="34">
    <xf numFmtId="0" fontId="0" fillId="0" borderId="0" xfId="0">
      <alignment vertical="center"/>
    </xf>
    <xf numFmtId="0" fontId="5" fillId="2" borderId="0" xfId="0" applyFont="1" applyFill="1">
      <alignment vertical="center"/>
    </xf>
    <xf numFmtId="0" fontId="5" fillId="2" borderId="0" xfId="0" applyFont="1" applyFill="1" applyAlignment="1">
      <alignment horizontal="center" vertical="center"/>
    </xf>
    <xf numFmtId="49" fontId="6" fillId="2" borderId="1" xfId="0" applyNumberFormat="1" applyFont="1" applyFill="1" applyBorder="1" applyAlignment="1">
      <alignment horizontal="center" vertical="center" wrapText="1"/>
    </xf>
    <xf numFmtId="0" fontId="6" fillId="2" borderId="2" xfId="0" applyFont="1" applyFill="1" applyBorder="1" applyAlignment="1">
      <alignment horizontal="center" vertical="center" wrapText="1"/>
    </xf>
    <xf numFmtId="0" fontId="7" fillId="2" borderId="2" xfId="0" applyFont="1" applyFill="1" applyBorder="1" applyAlignment="1">
      <alignment horizontal="center" vertical="center" shrinkToFit="1"/>
    </xf>
    <xf numFmtId="0" fontId="7" fillId="2" borderId="3" xfId="0" applyFont="1" applyFill="1" applyBorder="1" applyAlignment="1">
      <alignment horizontal="center" vertical="center" shrinkToFit="1"/>
    </xf>
    <xf numFmtId="0" fontId="8" fillId="3" borderId="4" xfId="0" applyFont="1" applyFill="1" applyBorder="1" applyAlignment="1">
      <alignment horizontal="center" vertical="center" wrapText="1"/>
    </xf>
    <xf numFmtId="0" fontId="6" fillId="2" borderId="0" xfId="0" applyFont="1" applyFill="1">
      <alignment vertical="center"/>
    </xf>
    <xf numFmtId="0" fontId="11" fillId="2" borderId="0" xfId="0" applyFont="1" applyFill="1">
      <alignment vertical="center"/>
    </xf>
    <xf numFmtId="0" fontId="12" fillId="2" borderId="6" xfId="2" applyFont="1" applyFill="1" applyBorder="1" applyAlignment="1">
      <alignment horizontal="center" vertical="center" shrinkToFit="1"/>
    </xf>
    <xf numFmtId="0" fontId="14" fillId="2" borderId="9" xfId="2" applyFont="1" applyFill="1" applyBorder="1" applyAlignment="1">
      <alignment horizontal="center" vertical="center" shrinkToFit="1"/>
    </xf>
    <xf numFmtId="0" fontId="12" fillId="2" borderId="12" xfId="2" applyFont="1" applyFill="1" applyBorder="1" applyAlignment="1">
      <alignment horizontal="center" vertical="center" shrinkToFit="1"/>
    </xf>
    <xf numFmtId="0" fontId="11" fillId="2" borderId="12" xfId="2" applyFill="1" applyBorder="1" applyAlignment="1">
      <alignment horizontal="center" vertical="center" shrinkToFit="1"/>
    </xf>
    <xf numFmtId="0" fontId="11" fillId="2" borderId="14" xfId="2" applyFill="1" applyBorder="1" applyAlignment="1">
      <alignment horizontal="center" vertical="center" shrinkToFit="1"/>
    </xf>
    <xf numFmtId="0" fontId="14" fillId="2" borderId="14" xfId="2" applyFont="1" applyFill="1" applyBorder="1" applyAlignment="1">
      <alignment horizontal="center" vertical="center" shrinkToFit="1"/>
    </xf>
    <xf numFmtId="0" fontId="7" fillId="2" borderId="0" xfId="0" applyFont="1" applyFill="1">
      <alignment vertical="center"/>
    </xf>
    <xf numFmtId="0" fontId="11" fillId="2" borderId="0" xfId="0" applyFont="1" applyFill="1" applyAlignment="1">
      <alignment horizontal="center" vertical="center"/>
    </xf>
    <xf numFmtId="176" fontId="10" fillId="2" borderId="11" xfId="0" applyNumberFormat="1" applyFont="1" applyFill="1" applyBorder="1" applyAlignment="1">
      <alignment horizontal="center" vertical="center"/>
    </xf>
    <xf numFmtId="176" fontId="10" fillId="2" borderId="8" xfId="0" applyNumberFormat="1" applyFont="1" applyFill="1" applyBorder="1" applyAlignment="1">
      <alignment horizontal="center" vertical="center"/>
    </xf>
    <xf numFmtId="0" fontId="11" fillId="2" borderId="12" xfId="2" applyFill="1" applyBorder="1" applyAlignment="1">
      <alignment horizontal="center" vertical="center" shrinkToFit="1"/>
    </xf>
    <xf numFmtId="0" fontId="11" fillId="2" borderId="9" xfId="2" applyFill="1" applyBorder="1" applyAlignment="1">
      <alignment horizontal="center" vertical="center" shrinkToFit="1"/>
    </xf>
    <xf numFmtId="0" fontId="12" fillId="2" borderId="12" xfId="0" applyFont="1" applyFill="1" applyBorder="1" applyAlignment="1">
      <alignment horizontal="center" vertical="center" shrinkToFit="1"/>
    </xf>
    <xf numFmtId="0" fontId="12" fillId="2" borderId="9" xfId="0" applyFont="1" applyFill="1" applyBorder="1" applyAlignment="1">
      <alignment horizontal="center" vertical="center" shrinkToFit="1"/>
    </xf>
    <xf numFmtId="43" fontId="13" fillId="3" borderId="7" xfId="1" applyFont="1" applyFill="1" applyBorder="1" applyAlignment="1">
      <alignment horizontal="center" vertical="center" shrinkToFit="1"/>
    </xf>
    <xf numFmtId="43" fontId="13" fillId="3" borderId="10" xfId="1" applyFont="1" applyFill="1" applyBorder="1" applyAlignment="1">
      <alignment horizontal="center" vertical="center" shrinkToFit="1"/>
    </xf>
    <xf numFmtId="0" fontId="2" fillId="2" borderId="0" xfId="0" applyFont="1" applyFill="1" applyAlignment="1">
      <alignment horizontal="center" vertical="center"/>
    </xf>
    <xf numFmtId="176" fontId="10" fillId="2" borderId="5" xfId="0" applyNumberFormat="1" applyFont="1" applyFill="1" applyBorder="1" applyAlignment="1">
      <alignment horizontal="center" vertical="center"/>
    </xf>
    <xf numFmtId="0" fontId="11" fillId="2" borderId="6" xfId="2" applyFill="1" applyBorder="1" applyAlignment="1">
      <alignment horizontal="center" vertical="center" shrinkToFit="1"/>
    </xf>
    <xf numFmtId="0" fontId="12" fillId="2" borderId="6" xfId="0" applyFont="1" applyFill="1" applyBorder="1" applyAlignment="1">
      <alignment horizontal="center" vertical="center" shrinkToFit="1"/>
    </xf>
    <xf numFmtId="176" fontId="10" fillId="2" borderId="13" xfId="0" applyNumberFormat="1" applyFont="1" applyFill="1" applyBorder="1" applyAlignment="1">
      <alignment horizontal="center" vertical="center"/>
    </xf>
    <xf numFmtId="0" fontId="15" fillId="2" borderId="6" xfId="0" applyFont="1" applyFill="1" applyBorder="1" applyAlignment="1">
      <alignment horizontal="center" vertical="center" shrinkToFit="1"/>
    </xf>
    <xf numFmtId="0" fontId="15" fillId="2" borderId="14" xfId="0" applyFont="1" applyFill="1" applyBorder="1" applyAlignment="1">
      <alignment horizontal="center" vertical="center" shrinkToFit="1"/>
    </xf>
    <xf numFmtId="43" fontId="13" fillId="3" borderId="15" xfId="1" applyFont="1" applyFill="1" applyBorder="1" applyAlignment="1">
      <alignment horizontal="center" vertical="center" shrinkToFit="1"/>
    </xf>
  </cellXfs>
  <cellStyles count="3">
    <cellStyle name="一般" xfId="0" builtinId="0"/>
    <cellStyle name="一般_Sheet1" xfId="2"/>
    <cellStyle name="千分位" xfId="1" builtinId="3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0</xdr:colOff>
      <xdr:row>0</xdr:row>
      <xdr:rowOff>0</xdr:rowOff>
    </xdr:from>
    <xdr:to>
      <xdr:col>1</xdr:col>
      <xdr:colOff>413657</xdr:colOff>
      <xdr:row>3</xdr:row>
      <xdr:rowOff>148472</xdr:rowOff>
    </xdr:to>
    <xdr:pic>
      <xdr:nvPicPr>
        <xdr:cNvPr id="2" name="Picture 55">
          <a:extLst>
            <a:ext uri="{FF2B5EF4-FFF2-40B4-BE49-F238E27FC236}">
              <a16:creationId xmlns:a16="http://schemas.microsoft.com/office/drawing/2014/main" xmlns="" id="{4F5C6535-27A2-4854-9409-8055F4526DD3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 cstate="print">
          <a:clrChange>
            <a:clrFrom>
              <a:srgbClr val="FFFFFF"/>
            </a:clrFrom>
            <a:clrTo>
              <a:srgbClr val="FFFFFF">
                <a:alpha val="0"/>
              </a:srgbClr>
            </a:clrTo>
          </a:clrChange>
        </a:blip>
        <a:srcRect/>
        <a:stretch>
          <a:fillRect/>
        </a:stretch>
      </xdr:blipFill>
      <xdr:spPr bwMode="auto">
        <a:xfrm>
          <a:off x="0" y="0"/>
          <a:ext cx="1467757" cy="929522"/>
        </a:xfrm>
        <a:prstGeom prst="rect">
          <a:avLst/>
        </a:prstGeom>
        <a:noFill/>
        <a:ln w="9525">
          <a:noFill/>
          <a:miter lim="800000"/>
          <a:headEnd/>
          <a:tailEnd/>
        </a:ln>
      </xdr:spPr>
    </xdr:pic>
    <xdr:clientData/>
  </xdr:twoCellAnchor>
</xdr:wsDr>
</file>

<file path=xl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K15"/>
  <sheetViews>
    <sheetView tabSelected="1" view="pageBreakPreview" topLeftCell="C1" zoomScale="55" zoomScaleNormal="110" zoomScaleSheetLayoutView="55" workbookViewId="0">
      <selection activeCell="G8" sqref="G8"/>
    </sheetView>
  </sheetViews>
  <sheetFormatPr defaultColWidth="9" defaultRowHeight="19.5" x14ac:dyDescent="0.4"/>
  <cols>
    <col min="1" max="1" width="15.08984375" style="9" customWidth="1"/>
    <col min="2" max="2" width="6" style="9" customWidth="1"/>
    <col min="3" max="3" width="20.90625" style="16" customWidth="1"/>
    <col min="4" max="4" width="44" style="16" customWidth="1"/>
    <col min="5" max="5" width="30.90625" style="16" customWidth="1"/>
    <col min="6" max="6" width="14.08984375" style="16" customWidth="1"/>
    <col min="7" max="7" width="23.6328125" style="16" customWidth="1"/>
    <col min="8" max="8" width="16.7265625" style="17" customWidth="1"/>
    <col min="9" max="16384" width="9" style="9"/>
  </cols>
  <sheetData>
    <row r="1" spans="1:11" s="1" customFormat="1" ht="27.5" x14ac:dyDescent="0.4">
      <c r="A1" s="26" t="s">
        <v>0</v>
      </c>
      <c r="B1" s="26"/>
      <c r="C1" s="26"/>
      <c r="D1" s="26"/>
      <c r="E1" s="26"/>
      <c r="F1" s="26"/>
      <c r="G1" s="26"/>
      <c r="H1" s="26"/>
    </row>
    <row r="2" spans="1:11" s="1" customFormat="1" ht="17" x14ac:dyDescent="0.4">
      <c r="C2" s="1" t="s">
        <v>1</v>
      </c>
      <c r="H2" s="2"/>
    </row>
    <row r="3" spans="1:11" s="1" customFormat="1" ht="17" x14ac:dyDescent="0.4">
      <c r="C3" s="1" t="s">
        <v>2</v>
      </c>
      <c r="D3" s="1" t="s">
        <v>3</v>
      </c>
      <c r="G3" s="1" t="s">
        <v>4</v>
      </c>
      <c r="H3" s="2"/>
    </row>
    <row r="4" spans="1:11" s="1" customFormat="1" ht="17.5" thickBot="1" x14ac:dyDescent="0.45">
      <c r="C4" s="1" t="s">
        <v>5</v>
      </c>
      <c r="D4" s="1" t="s">
        <v>6</v>
      </c>
      <c r="G4" s="1" t="s">
        <v>7</v>
      </c>
      <c r="H4" s="2"/>
    </row>
    <row r="5" spans="1:11" s="8" customFormat="1" ht="80.25" customHeight="1" thickBot="1" x14ac:dyDescent="0.45">
      <c r="A5" s="3" t="s">
        <v>8</v>
      </c>
      <c r="B5" s="4" t="s">
        <v>9</v>
      </c>
      <c r="C5" s="5" t="s">
        <v>10</v>
      </c>
      <c r="D5" s="5" t="s">
        <v>11</v>
      </c>
      <c r="E5" s="5" t="s">
        <v>12</v>
      </c>
      <c r="F5" s="5" t="s">
        <v>13</v>
      </c>
      <c r="G5" s="6" t="s">
        <v>14</v>
      </c>
      <c r="H5" s="7" t="s">
        <v>15</v>
      </c>
    </row>
    <row r="6" spans="1:11" s="8" customFormat="1" ht="34.5" customHeight="1" x14ac:dyDescent="0.4">
      <c r="A6" s="27">
        <v>44816</v>
      </c>
      <c r="B6" s="28" t="s">
        <v>16</v>
      </c>
      <c r="C6" s="10" t="s">
        <v>17</v>
      </c>
      <c r="D6" s="10" t="s">
        <v>63</v>
      </c>
      <c r="E6" s="10" t="s">
        <v>64</v>
      </c>
      <c r="F6" s="29" t="s">
        <v>65</v>
      </c>
      <c r="G6" s="10" t="s">
        <v>18</v>
      </c>
      <c r="H6" s="24" t="s">
        <v>66</v>
      </c>
      <c r="K6" s="9"/>
    </row>
    <row r="7" spans="1:11" ht="25.5" customHeight="1" x14ac:dyDescent="0.4">
      <c r="A7" s="19"/>
      <c r="B7" s="21"/>
      <c r="C7" s="11" t="s">
        <v>67</v>
      </c>
      <c r="D7" s="11" t="s">
        <v>68</v>
      </c>
      <c r="E7" s="11" t="s">
        <v>69</v>
      </c>
      <c r="F7" s="23"/>
      <c r="G7" s="11" t="s">
        <v>70</v>
      </c>
      <c r="H7" s="25"/>
    </row>
    <row r="8" spans="1:11" s="8" customFormat="1" ht="34.5" customHeight="1" x14ac:dyDescent="0.4">
      <c r="A8" s="27">
        <f>IF(WEEKDAY($A6,3)=4,$A6+3,$A6+1)</f>
        <v>44817</v>
      </c>
      <c r="B8" s="28" t="s">
        <v>20</v>
      </c>
      <c r="C8" s="10" t="s">
        <v>21</v>
      </c>
      <c r="D8" s="10" t="s">
        <v>22</v>
      </c>
      <c r="E8" s="10" t="s">
        <v>23</v>
      </c>
      <c r="F8" s="29" t="s">
        <v>24</v>
      </c>
      <c r="G8" s="10" t="s">
        <v>25</v>
      </c>
      <c r="H8" s="24" t="s">
        <v>26</v>
      </c>
    </row>
    <row r="9" spans="1:11" ht="25.5" customHeight="1" x14ac:dyDescent="0.4">
      <c r="A9" s="19"/>
      <c r="B9" s="21"/>
      <c r="C9" s="11" t="s">
        <v>27</v>
      </c>
      <c r="D9" s="11" t="s">
        <v>48</v>
      </c>
      <c r="E9" s="11" t="s">
        <v>52</v>
      </c>
      <c r="F9" s="23"/>
      <c r="G9" s="11" t="s">
        <v>28</v>
      </c>
      <c r="H9" s="25"/>
    </row>
    <row r="10" spans="1:11" s="8" customFormat="1" ht="34.5" customHeight="1" x14ac:dyDescent="0.4">
      <c r="A10" s="18">
        <f>IF(WEEKDAY($A8,3)=4,$A8+3,$A8+1)</f>
        <v>44818</v>
      </c>
      <c r="B10" s="20" t="s">
        <v>29</v>
      </c>
      <c r="C10" s="10" t="s">
        <v>30</v>
      </c>
      <c r="D10" s="10" t="s">
        <v>31</v>
      </c>
      <c r="E10" s="12" t="s">
        <v>32</v>
      </c>
      <c r="F10" s="22" t="s">
        <v>33</v>
      </c>
      <c r="G10" s="12" t="s">
        <v>34</v>
      </c>
      <c r="H10" s="24" t="s">
        <v>35</v>
      </c>
    </row>
    <row r="11" spans="1:11" ht="25.5" customHeight="1" x14ac:dyDescent="0.4">
      <c r="A11" s="19"/>
      <c r="B11" s="21"/>
      <c r="C11" s="11" t="s">
        <v>36</v>
      </c>
      <c r="D11" s="11" t="s">
        <v>49</v>
      </c>
      <c r="E11" s="11" t="s">
        <v>57</v>
      </c>
      <c r="F11" s="23"/>
      <c r="G11" s="11" t="s">
        <v>53</v>
      </c>
      <c r="H11" s="25"/>
    </row>
    <row r="12" spans="1:11" s="8" customFormat="1" ht="34.5" customHeight="1" x14ac:dyDescent="0.4">
      <c r="A12" s="18">
        <f>IF(WEEKDAY($A10,3)=4,$A10+3,$A10+1)</f>
        <v>44819</v>
      </c>
      <c r="B12" s="28" t="s">
        <v>37</v>
      </c>
      <c r="C12" s="10" t="s">
        <v>38</v>
      </c>
      <c r="D12" s="10" t="s">
        <v>39</v>
      </c>
      <c r="E12" s="12" t="s">
        <v>60</v>
      </c>
      <c r="F12" s="22" t="s">
        <v>40</v>
      </c>
      <c r="G12" s="12" t="s">
        <v>41</v>
      </c>
      <c r="H12" s="24" t="s">
        <v>19</v>
      </c>
    </row>
    <row r="13" spans="1:11" ht="25.5" customHeight="1" x14ac:dyDescent="0.4">
      <c r="A13" s="19"/>
      <c r="B13" s="21"/>
      <c r="C13" s="11" t="s">
        <v>42</v>
      </c>
      <c r="D13" s="11" t="s">
        <v>50</v>
      </c>
      <c r="E13" s="11" t="s">
        <v>56</v>
      </c>
      <c r="F13" s="23"/>
      <c r="G13" s="11" t="s">
        <v>54</v>
      </c>
      <c r="H13" s="25"/>
    </row>
    <row r="14" spans="1:11" s="8" customFormat="1" ht="34.5" customHeight="1" x14ac:dyDescent="0.4">
      <c r="A14" s="18">
        <f>IF(WEEKDAY($A12,3)=4,$A12+3,$A12+1)</f>
        <v>44820</v>
      </c>
      <c r="B14" s="13" t="s">
        <v>43</v>
      </c>
      <c r="C14" s="12" t="s">
        <v>58</v>
      </c>
      <c r="D14" s="12" t="s">
        <v>44</v>
      </c>
      <c r="E14" s="12" t="s">
        <v>62</v>
      </c>
      <c r="F14" s="31" t="s">
        <v>55</v>
      </c>
      <c r="G14" s="12" t="s">
        <v>45</v>
      </c>
      <c r="H14" s="24" t="s">
        <v>46</v>
      </c>
    </row>
    <row r="15" spans="1:11" ht="25.5" customHeight="1" thickBot="1" x14ac:dyDescent="0.45">
      <c r="A15" s="30"/>
      <c r="B15" s="14"/>
      <c r="C15" s="15" t="s">
        <v>59</v>
      </c>
      <c r="D15" s="15" t="s">
        <v>51</v>
      </c>
      <c r="E15" s="15" t="s">
        <v>61</v>
      </c>
      <c r="F15" s="32"/>
      <c r="G15" s="15" t="s">
        <v>47</v>
      </c>
      <c r="H15" s="33"/>
    </row>
  </sheetData>
  <mergeCells count="20">
    <mergeCell ref="A12:A13"/>
    <mergeCell ref="B12:B13"/>
    <mergeCell ref="F12:F13"/>
    <mergeCell ref="H12:H13"/>
    <mergeCell ref="A14:A15"/>
    <mergeCell ref="F14:F15"/>
    <mergeCell ref="H14:H15"/>
    <mergeCell ref="A10:A11"/>
    <mergeCell ref="B10:B11"/>
    <mergeCell ref="F10:F11"/>
    <mergeCell ref="H10:H11"/>
    <mergeCell ref="A1:H1"/>
    <mergeCell ref="A8:A9"/>
    <mergeCell ref="B8:B9"/>
    <mergeCell ref="F8:F9"/>
    <mergeCell ref="H8:H9"/>
    <mergeCell ref="A6:A7"/>
    <mergeCell ref="B6:B7"/>
    <mergeCell ref="F6:F7"/>
    <mergeCell ref="H6:H7"/>
  </mergeCells>
  <phoneticPr fontId="3" type="noConversion"/>
  <pageMargins left="0.11811023622047245" right="0.11811023622047245" top="0.15748031496062992" bottom="0.15748031496062992" header="0.31496062992125984" footer="0.31496062992125984"/>
  <pageSetup paperSize="9" scale="59" orientation="portrait" horizontalDpi="360" verticalDpi="360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工作表</vt:lpstr>
      </vt:variant>
      <vt:variant>
        <vt:i4>1</vt:i4>
      </vt:variant>
      <vt:variant>
        <vt:lpstr>已命名的範圍</vt:lpstr>
      </vt:variant>
      <vt:variant>
        <vt:i4>1</vt:i4>
      </vt:variant>
    </vt:vector>
  </HeadingPairs>
  <TitlesOfParts>
    <vt:vector size="2" baseType="lpstr">
      <vt:lpstr>給本廠</vt:lpstr>
      <vt:lpstr>給本廠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蝶晞</dc:creator>
  <cp:lastModifiedBy>蝶晞</cp:lastModifiedBy>
  <dcterms:created xsi:type="dcterms:W3CDTF">2022-09-11T00:37:19Z</dcterms:created>
  <dcterms:modified xsi:type="dcterms:W3CDTF">2022-09-11T02:59:55Z</dcterms:modified>
</cp:coreProperties>
</file>